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docProps/app.xml" ContentType="application/vnd.openxmlformats-officedocument.extended-properties+xml"/>
  <Override PartName="/docProps/core.xml" ContentType="application/vnd.openxmlformats-package.core-properties+xml"/>
  <Override PartName="/xl/sharedStrings.xml" ContentType="application/vnd.openxmlformats-officedocument.spreadsheetml.sharedStrings+xml"/>
  <Override PartName="/xl/styles.xml" ContentType="application/vnd.openxmlformats-officedocument.spreadsheetml.styles+xml"/>
  <Override PartName="/xl/theme/theme1.xml" ContentType="application/vnd.openxmlformats-officedocument.theme+xml"/>
  <Override PartName="/xl/workbook.xml" ContentType="application/vnd.openxmlformats-officedocument.spreadsheetml.sheet.main+xml"/>
  <Override PartName="/xl/worksheets/sheet1.xml" ContentType="application/vnd.openxmlformats-officedocument.spreadsheetml.worksheet+xml"/>
</Types>
</file>

<file path=_rels/.rels><Relationships xmlns="http://schemas.openxmlformats.org/package/2006/relationships"><Relationship Id="rId1" Type="http://schemas.openxmlformats.org/officeDocument/2006/relationships/officeDocument" Target="xl/workbook.xml"/><Relationship Id="rId2" Type="http://schemas.openxmlformats.org/package/2006/relationships/metadata/core-properties" Target="docProps/core.xml"/><Relationship Id="rId3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5726"/>
  <workbookPr/>
  <mc:AlternateContent xmlns:mc="http://schemas.openxmlformats.org/markup-compatibility/2006">
    <mc:Choice Requires="x15">
      <x15ac:absPath xmlns:x15ac="http://schemas.microsoft.com/office/spreadsheetml/2010/11/ac" url="C:\Users\s287\Desktop\Питание 2022-2023\Новое меню\2\"/>
    </mc:Choice>
  </mc:AlternateContent>
  <xr:revisionPtr revIDLastSave="0" documentId="13_ncr:1_{CFBCE15B-0289-43FD-B4E4-C295EE2FFAD3}" xr6:coauthVersionLast="47" xr6:coauthVersionMax="47" xr10:uidLastSave="{00000000-0000-0000-0000-000000000000}"/>
  <bookViews>
    <workbookView xWindow="-110" yWindow="-110" windowWidth="19420" windowHeight="10420" xr2:uid="{00000000-000D-0000-FFFF-FFFF00000000}"/>
  </bookViews>
  <sheets>
    <sheet name="2" sheetId="1" r:id="rId1"/>
  </sheets>
  <calcPr calcId="18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  <xcalcf:feature name="microsoft.com:LET_WF"/>
        <xcalcf:feature name="microsoft.com:LAMBDA_WF"/>
      </xcalcf:calcFeatures>
    </ext>
  </extLst>
</workbook>
</file>

<file path=xl/sharedStrings.xml><?xml version="1.0" encoding="utf-8"?>
<sst xmlns="http://schemas.openxmlformats.org/spreadsheetml/2006/main">
  <si>
    <t>Школа</t>
  </si>
  <si>
    <t>День</t>
  </si>
  <si>
    <t>Прием пищи</t>
  </si>
  <si>
    <t>Раздел</t>
  </si>
  <si>
    <t>Блюдо</t>
  </si>
  <si>
    <t>Цена</t>
  </si>
  <si>
    <t>Калорийность</t>
  </si>
  <si>
    <t>Белки</t>
  </si>
  <si>
    <t>Жиры</t>
  </si>
  <si>
    <t>Углеводы</t>
  </si>
  <si>
    <t>Завтрак</t>
  </si>
  <si>
    <t>гор.блюдо</t>
  </si>
  <si>
    <t>гор.напиток</t>
  </si>
  <si>
    <t>Завтрак 2</t>
  </si>
  <si>
    <t>Обед</t>
  </si>
  <si>
    <t>закуска</t>
  </si>
  <si>
    <t>1 блюдо</t>
  </si>
  <si>
    <t>2 блюдо</t>
  </si>
  <si>
    <t>гарнир</t>
  </si>
  <si>
    <t>сладкое</t>
  </si>
  <si>
    <t>фрукты</t>
  </si>
  <si>
    <t>хлеб черн.</t>
  </si>
  <si>
    <t>Отд./корп</t>
  </si>
  <si>
    <t>-</t>
  </si>
  <si>
    <t>хлеб</t>
  </si>
  <si>
    <t>хлеб бел.</t>
  </si>
  <si>
    <t>№ рец.</t>
  </si>
  <si>
    <t>Выход, г</t>
  </si>
  <si>
    <t>МОУ "ООШ пос. Лощинный"</t>
  </si>
  <si>
    <t>пр</t>
  </si>
  <si>
    <t>Хлеб пшеничный</t>
  </si>
  <si>
    <t>Хлеб ржаной</t>
  </si>
  <si>
    <t>Запеканка из творога с морковью (с соусом)</t>
  </si>
  <si>
    <t>Булочка фруктовая</t>
  </si>
  <si>
    <t>Батон нарезной</t>
  </si>
  <si>
    <t>Чай с сахаром</t>
  </si>
  <si>
    <t>конд.издел.</t>
  </si>
  <si>
    <t>Кабачковая икра</t>
  </si>
  <si>
    <t>Рассольник ленинградский на м\к бульоне</t>
  </si>
  <si>
    <t>Кнели из кур с рисом</t>
  </si>
  <si>
    <t>Каша гречневая рассыпчатая</t>
  </si>
  <si>
    <t>Компот из кураги</t>
  </si>
  <si>
    <t>пр\53</t>
  </si>
  <si>
    <t>2023.01.16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_-* #,##0.00\ _₽_-;\-* #,##0.00\ _₽_-;_-* &quot;-&quot;??\ _₽_-;_-@_-"/>
  </numFmts>
  <fonts count="4" x14ac:knownFonts="1">
    <font>
      <sz val="11"/>
      <color theme="1"/>
      <name val="Calibri"/>
      <family val="2"/>
      <scheme val="minor"/>
    </font>
    <font>
      <b/>
      <sz val="11"/>
      <name val="Calibri"/>
      <family val="2"/>
    </font>
    <font>
      <sz val="11"/>
      <name val="Calibri"/>
      <family val="2"/>
    </font>
    <font>
      <b/>
      <sz val="11"/>
      <name val="Calibri"/>
      <family val="2"/>
    </font>
  </fonts>
  <fills count="5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FFFFCC"/>
      </patternFill>
    </fill>
  </fills>
  <borders count="2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 style="thin">
        <color auto="1"/>
      </right>
      <top/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1">
    <xf numFmtId="0" fontId="0" fillId="0" borderId="0"/>
  </cellStyleXfs>
  <cellXfs count="66">
    <xf numFmtId="0" fontId="0" fillId="0" borderId="0" xfId="0"/>
    <xf numFmtId="0" fontId="0" fillId="0" borderId="1" xfId="0" applyBorder="1"/>
    <xf numFmtId="0" fontId="0" fillId="2" borderId="1" xfId="0" applyFill="1" applyBorder="1" applyProtection="1">
      <protection locked="0"/>
    </xf>
    <xf numFmtId="0" fontId="0" fillId="0" borderId="5" xfId="0" applyBorder="1"/>
    <xf numFmtId="0" fontId="0" fillId="0" borderId="6" xfId="0" applyBorder="1"/>
    <xf numFmtId="0" fontId="0" fillId="0" borderId="8" xfId="0" applyBorder="1"/>
    <xf numFmtId="0" fontId="0" fillId="0" borderId="10" xfId="0" applyBorder="1"/>
    <xf numFmtId="0" fontId="0" fillId="2" borderId="11" xfId="0" applyFill="1" applyBorder="1" applyProtection="1">
      <protection locked="0"/>
    </xf>
    <xf numFmtId="0" fontId="0" fillId="0" borderId="4" xfId="0" applyBorder="1"/>
    <xf numFmtId="0" fontId="0" fillId="3" borderId="6" xfId="0" applyFill="1" applyBorder="1"/>
    <xf numFmtId="0" fontId="0" fillId="0" borderId="13" xfId="0" applyBorder="1" applyAlignment="1">
      <alignment horizontal="center"/>
    </xf>
    <xf numFmtId="0" fontId="0" fillId="0" borderId="14" xfId="0" applyBorder="1" applyAlignment="1">
      <alignment horizontal="center"/>
    </xf>
    <xf numFmtId="0" fontId="0" fillId="0" borderId="15" xfId="0" applyBorder="1" applyAlignment="1">
      <alignment horizontal="center"/>
    </xf>
    <xf numFmtId="1" fontId="0" fillId="2" borderId="6" xfId="0" applyNumberFormat="1" applyFill="1" applyBorder="1" applyProtection="1">
      <protection locked="0"/>
    </xf>
    <xf numFmtId="1" fontId="0" fillId="2" borderId="7" xfId="0" applyNumberFormat="1" applyFill="1" applyBorder="1" applyProtection="1">
      <protection locked="0"/>
    </xf>
    <xf numFmtId="1" fontId="0" fillId="2" borderId="1" xfId="0" applyNumberFormat="1" applyFill="1" applyBorder="1" applyProtection="1">
      <protection locked="0"/>
    </xf>
    <xf numFmtId="1" fontId="0" fillId="2" borderId="9" xfId="0" applyNumberFormat="1" applyFill="1" applyBorder="1" applyProtection="1">
      <protection locked="0"/>
    </xf>
    <xf numFmtId="1" fontId="0" fillId="2" borderId="11" xfId="0" applyNumberFormat="1" applyFill="1" applyBorder="1" applyProtection="1">
      <protection locked="0"/>
    </xf>
    <xf numFmtId="1" fontId="0" fillId="2" borderId="12" xfId="0" applyNumberFormat="1" applyFill="1" applyBorder="1" applyProtection="1">
      <protection locked="0"/>
    </xf>
    <xf numFmtId="14" fontId="0" fillId="2" borderId="1" xfId="0" applyNumberFormat="1" applyFill="1" applyBorder="1" applyProtection="1">
      <protection locked="0"/>
    </xf>
    <xf numFmtId="49" fontId="0" fillId="2" borderId="1" xfId="0" applyNumberFormat="1" applyFill="1" applyBorder="1" applyProtection="1">
      <protection locked="0"/>
    </xf>
    <xf numFmtId="2" fontId="0" fillId="2" borderId="6" xfId="0" applyNumberFormat="1" applyFill="1" applyBorder="1" applyProtection="1">
      <protection locked="0"/>
    </xf>
    <xf numFmtId="2" fontId="0" fillId="2" borderId="1" xfId="0" applyNumberFormat="1" applyFill="1" applyBorder="1" applyProtection="1">
      <protection locked="0"/>
    </xf>
    <xf numFmtId="2" fontId="0" fillId="2" borderId="11" xfId="0" applyNumberFormat="1" applyFill="1" applyBorder="1" applyProtection="1">
      <protection locked="0"/>
    </xf>
    <xf numFmtId="2" fontId="0" fillId="2" borderId="4" xfId="0" applyNumberFormat="1" applyFill="1" applyBorder="1" applyProtection="1">
      <protection locked="0"/>
    </xf>
    <xf numFmtId="0" fontId="0" fillId="2" borderId="17" xfId="0" applyFill="1" applyBorder="1" applyProtection="1">
      <protection locked="0"/>
    </xf>
    <xf numFmtId="2" fontId="0" fillId="2" borderId="17" xfId="0" applyNumberFormat="1" applyFill="1" applyBorder="1" applyProtection="1">
      <protection locked="0"/>
    </xf>
    <xf numFmtId="0" fontId="0" fillId="2" borderId="6" xfId="0" applyFill="1" applyBorder="1" applyAlignment="1" applyProtection="1">
      <alignment wrapText="1"/>
      <protection locked="0"/>
    </xf>
    <xf numFmtId="0" fontId="0" fillId="2" borderId="1" xfId="0" applyFill="1" applyBorder="1" applyAlignment="1" applyProtection="1">
      <alignment wrapText="1"/>
      <protection locked="0"/>
    </xf>
    <xf numFmtId="0" fontId="0" fillId="2" borderId="11" xfId="0" applyFill="1" applyBorder="1" applyAlignment="1" applyProtection="1">
      <alignment wrapText="1"/>
      <protection locked="0"/>
    </xf>
    <xf numFmtId="0" fontId="0" fillId="2" borderId="4" xfId="0" applyFill="1" applyBorder="1" applyAlignment="1" applyProtection="1">
      <alignment wrapText="1"/>
      <protection locked="0"/>
    </xf>
    <xf numFmtId="0" fontId="0" fillId="2" borderId="17" xfId="0" applyFill="1" applyBorder="1" applyAlignment="1" applyProtection="1">
      <alignment wrapText="1"/>
      <protection locked="0"/>
    </xf>
    <xf numFmtId="164" fontId="0" fillId="2" borderId="6" xfId="0" applyNumberFormat="1" applyFill="1" applyBorder="1" applyProtection="1">
      <protection locked="0"/>
    </xf>
    <xf numFmtId="164" fontId="0" fillId="2" borderId="7" xfId="0" applyNumberFormat="1" applyFill="1" applyBorder="1" applyProtection="1">
      <protection locked="0"/>
    </xf>
    <xf numFmtId="164" fontId="0" fillId="2" borderId="1" xfId="0" applyNumberFormat="1" applyFill="1" applyBorder="1" applyProtection="1">
      <protection locked="0"/>
    </xf>
    <xf numFmtId="164" fontId="0" fillId="2" borderId="9" xfId="0" applyNumberFormat="1" applyFill="1" applyBorder="1" applyProtection="1">
      <protection locked="0"/>
    </xf>
    <xf numFmtId="0" fontId="0" fillId="2" borderId="6" xfId="0" applyFill="1" applyBorder="1" applyAlignment="1" applyProtection="1">
      <alignment horizontal="center"/>
      <protection locked="0"/>
    </xf>
    <xf numFmtId="0" fontId="0" fillId="2" borderId="1" xfId="0" applyFill="1" applyBorder="1" applyAlignment="1" applyProtection="1">
      <alignment horizontal="center"/>
      <protection locked="0"/>
    </xf>
    <xf numFmtId="1" fontId="0" fillId="2" borderId="1" xfId="0" applyNumberFormat="1" applyFill="1" applyBorder="1" applyAlignment="1" applyProtection="1">
      <alignment horizontal="center"/>
      <protection locked="0"/>
    </xf>
    <xf numFmtId="164" fontId="0" fillId="2" borderId="4" xfId="0" applyNumberFormat="1" applyFill="1" applyBorder="1" applyProtection="1">
      <protection locked="0"/>
    </xf>
    <xf numFmtId="164" fontId="0" fillId="2" borderId="17" xfId="0" applyNumberFormat="1" applyFill="1" applyBorder="1" applyProtection="1">
      <protection locked="0"/>
    </xf>
    <xf numFmtId="164" fontId="0" fillId="2" borderId="1" xfId="0" applyNumberFormat="1" applyFill="1" applyBorder="1" applyAlignment="1" applyProtection="1">
      <alignment horizontal="center"/>
      <protection locked="0"/>
    </xf>
    <xf numFmtId="0" fontId="0" fillId="2" borderId="11" xfId="0" applyFill="1" applyBorder="1" applyAlignment="1" applyProtection="1">
      <alignment horizontal="center"/>
      <protection locked="0"/>
    </xf>
    <xf numFmtId="0" fontId="0" fillId="2" borderId="4" xfId="0" applyFill="1" applyBorder="1" applyAlignment="1" applyProtection="1">
      <alignment horizontal="center"/>
      <protection locked="0"/>
    </xf>
    <xf numFmtId="0" fontId="0" fillId="2" borderId="17" xfId="0" applyFill="1" applyBorder="1" applyAlignment="1" applyProtection="1">
      <alignment horizontal="center"/>
      <protection locked="0"/>
    </xf>
    <xf numFmtId="1" fontId="0" fillId="2" borderId="6" xfId="0" applyNumberFormat="1" applyFill="1" applyBorder="1" applyAlignment="1" applyProtection="1">
      <alignment horizontal="center"/>
      <protection locked="0"/>
    </xf>
    <xf numFmtId="1" fontId="0" fillId="2" borderId="11" xfId="0" applyNumberFormat="1" applyFill="1" applyBorder="1" applyAlignment="1" applyProtection="1">
      <alignment horizontal="center"/>
      <protection locked="0"/>
    </xf>
    <xf numFmtId="1" fontId="0" fillId="2" borderId="4" xfId="0" applyNumberFormat="1" applyFill="1" applyBorder="1" applyAlignment="1" applyProtection="1">
      <alignment horizontal="center"/>
      <protection locked="0"/>
    </xf>
    <xf numFmtId="1" fontId="0" fillId="2" borderId="17" xfId="0" applyNumberFormat="1" applyFill="1" applyBorder="1" applyAlignment="1" applyProtection="1">
      <alignment horizontal="center"/>
      <protection locked="0"/>
    </xf>
    <xf numFmtId="1" fontId="1" fillId="2" borderId="11" xfId="0" applyNumberFormat="1" applyFont="1" applyFill="1" applyBorder="1" applyAlignment="1" applyProtection="1">
      <alignment horizontal="center"/>
      <protection locked="0"/>
    </xf>
    <xf numFmtId="2" fontId="1" fillId="2" borderId="11" xfId="0" applyNumberFormat="1" applyFont="1" applyFill="1" applyBorder="1" applyAlignment="1" applyProtection="1">
      <alignment horizontal="center"/>
      <protection locked="0"/>
    </xf>
    <xf numFmtId="164" fontId="1" fillId="2" borderId="11" xfId="0" applyNumberFormat="1" applyFont="1" applyFill="1" applyBorder="1" applyProtection="1">
      <protection locked="0"/>
    </xf>
    <xf numFmtId="164" fontId="1" fillId="2" borderId="12" xfId="0" applyNumberFormat="1" applyFont="1" applyFill="1" applyBorder="1" applyProtection="1">
      <protection locked="0"/>
    </xf>
    <xf numFmtId="164" fontId="2" fillId="2" borderId="18" xfId="0" applyNumberFormat="1" applyFont="1" applyFill="1" applyBorder="1" applyProtection="1">
      <protection locked="0"/>
    </xf>
    <xf numFmtId="164" fontId="2" fillId="2" borderId="19" xfId="0" applyNumberFormat="1" applyFont="1" applyFill="1" applyBorder="1" applyProtection="1">
      <protection locked="0"/>
    </xf>
    <xf numFmtId="164" fontId="2" fillId="2" borderId="20" xfId="0" applyNumberFormat="1" applyFont="1" applyFill="1" applyBorder="1" applyProtection="1">
      <protection locked="0"/>
    </xf>
    <xf numFmtId="164" fontId="2" fillId="4" borderId="21" xfId="0" applyNumberFormat="1" applyFont="1" applyFill="1" applyBorder="1" applyProtection="1">
      <protection locked="0"/>
    </xf>
    <xf numFmtId="164" fontId="2" fillId="2" borderId="22" xfId="0" applyNumberFormat="1" applyFont="1" applyFill="1" applyBorder="1" applyProtection="1">
      <protection locked="0"/>
    </xf>
    <xf numFmtId="1" fontId="2" fillId="2" borderId="22" xfId="0" applyNumberFormat="1" applyFont="1" applyFill="1" applyBorder="1" applyProtection="1">
      <protection locked="0"/>
    </xf>
    <xf numFmtId="164" fontId="2" fillId="2" borderId="23" xfId="0" applyNumberFormat="1" applyFont="1" applyFill="1" applyBorder="1" applyProtection="1">
      <protection locked="0"/>
    </xf>
    <xf numFmtId="1" fontId="2" fillId="2" borderId="24" xfId="0" applyNumberFormat="1" applyFont="1" applyFill="1" applyBorder="1" applyProtection="1">
      <protection locked="0"/>
    </xf>
    <xf numFmtId="164" fontId="2" fillId="4" borderId="26" xfId="0" applyNumberFormat="1" applyFont="1" applyFill="1" applyBorder="1"/>
    <xf numFmtId="164" fontId="3" fillId="2" borderId="25" xfId="0" applyNumberFormat="1" applyFont="1" applyFill="1" applyBorder="1" applyProtection="1">
      <protection locked="0"/>
    </xf>
    <xf numFmtId="0" fontId="0" fillId="2" borderId="2" xfId="0" applyFill="1" applyBorder="1" applyProtection="1">
      <protection locked="0"/>
    </xf>
    <xf numFmtId="0" fontId="0" fillId="2" borderId="16" xfId="0" applyFill="1" applyBorder="1" applyProtection="1">
      <protection locked="0"/>
    </xf>
    <xf numFmtId="0" fontId="0" fillId="0" borderId="3" xfId="0" applyBorder="1" applyProtection="1">
      <protection locked="0"/>
    </xf>
  </cellXfs>
  <cellStyles count="1">
    <cellStyle name="Обычный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Relationships xmlns="http://schemas.openxmlformats.org/package/2006/relationships"><Relationship Id="rId1" Type="http://schemas.openxmlformats.org/officeDocument/2006/relationships/worksheet" Target="worksheets/sheet1.xml"/><Relationship Id="rId2" Type="http://schemas.openxmlformats.org/officeDocument/2006/relationships/theme" Target="theme/theme1.xml"/><Relationship Id="rId3" Type="http://schemas.openxmlformats.org/officeDocument/2006/relationships/styles" Target="styles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Gothic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7" tint="0.79998168889431442"/>
  </sheetPr>
  <dimension ref="A1:J20"/>
  <sheetViews>
    <sheetView tabSelected="1" workbookViewId="0">
      <selection activeCell="J1" sqref="J1"/>
    </sheetView>
  </sheetViews>
  <sheetFormatPr defaultRowHeight="14.5" x14ac:dyDescent="0.35" outlineLevelRow="0" outlineLevelCol="0"/>
  <cols>
    <col min="1" max="1" width="12.1796875" customWidth="1"/>
    <col min="2" max="2" width="11.54296875" customWidth="1"/>
    <col min="3" max="3" width="10.54296875" customWidth="1"/>
    <col min="4" max="4" width="41.54296875" customWidth="1"/>
    <col min="5" max="5" width="11.08984375" customWidth="1"/>
    <col min="6" max="6" width="10.36328125" customWidth="1"/>
    <col min="7" max="7" width="13.453125" customWidth="1"/>
    <col min="8" max="8" width="11.7265625" customWidth="1"/>
    <col min="9" max="9" width="11.90625" customWidth="1"/>
    <col min="10" max="10" width="10.453125" customWidth="1"/>
  </cols>
  <sheetData>
    <row r="1">
      <c r="A1" t="s">
        <v>0</v>
      </c>
      <c r="B1" s="63" t="s">
        <v>28</v>
      </c>
      <c r="C1" s="64"/>
      <c r="D1" s="65"/>
      <c r="E1" t="s">
        <v>22</v>
      </c>
      <c r="F1" s="20"/>
      <c r="I1" t="s">
        <v>1</v>
      </c>
      <c r="J1" s="19" t="s">
        <v>43</v>
      </c>
    </row>
    <row r="2" customHeight="1" ht="6"/>
    <row r="3">
      <c r="A3" s="10" t="s">
        <v>2</v>
      </c>
      <c r="B3" s="11" t="s">
        <v>3</v>
      </c>
      <c r="C3" s="11" t="s">
        <v>26</v>
      </c>
      <c r="D3" s="11" t="s">
        <v>4</v>
      </c>
      <c r="E3" s="11" t="s">
        <v>27</v>
      </c>
      <c r="F3" s="11" t="s">
        <v>5</v>
      </c>
      <c r="G3" s="11" t="s">
        <v>6</v>
      </c>
      <c r="H3" s="11" t="s">
        <v>7</v>
      </c>
      <c r="I3" s="11" t="s">
        <v>8</v>
      </c>
      <c r="J3" s="12" t="s">
        <v>9</v>
      </c>
    </row>
    <row r="4">
      <c r="A4" s="3" t="s">
        <v>10</v>
      </c>
      <c r="B4" s="4" t="s">
        <v>11</v>
      </c>
      <c r="C4" s="36">
        <v>297</v>
      </c>
      <c r="D4" s="27" t="s">
        <v>32</v>
      </c>
      <c r="E4" s="45">
        <v>200</v>
      </c>
      <c r="F4" s="21"/>
      <c r="G4" s="32">
        <v>330.8</v>
      </c>
      <c r="H4" s="32">
        <v>22.84</v>
      </c>
      <c r="I4" s="32">
        <v>8.8</v>
      </c>
      <c r="J4" s="33">
        <v>42.9</v>
      </c>
    </row>
    <row r="5">
      <c r="A5" s="5"/>
      <c r="B5" s="1" t="s">
        <v>12</v>
      </c>
      <c r="C5" s="37">
        <v>377</v>
      </c>
      <c r="D5" s="28" t="s">
        <v>35</v>
      </c>
      <c r="E5" s="38">
        <v>200</v>
      </c>
      <c r="F5" s="22"/>
      <c r="G5" s="34">
        <v>41</v>
      </c>
      <c r="H5" s="34">
        <v>3.5</v>
      </c>
      <c r="I5" s="34">
        <v>0</v>
      </c>
      <c r="J5" s="35">
        <v>10.2</v>
      </c>
    </row>
    <row r="6">
      <c r="A6" s="5"/>
      <c r="B6" s="1" t="s">
        <v>24</v>
      </c>
      <c r="C6" s="37" t="s">
        <v>29</v>
      </c>
      <c r="D6" s="28" t="s">
        <v>34</v>
      </c>
      <c r="E6" s="38">
        <v>40</v>
      </c>
      <c r="F6" s="22"/>
      <c r="G6" s="41">
        <v>92</v>
      </c>
      <c r="H6" s="41">
        <v>2.6</v>
      </c>
      <c r="I6" s="34">
        <v>0.8</v>
      </c>
      <c r="J6" s="35">
        <v>18.4</v>
      </c>
    </row>
    <row r="7" customHeight="1" ht="12">
      <c r="A7" s="5"/>
      <c r="B7" s="2" t="s">
        <v>36</v>
      </c>
      <c r="C7" s="37">
        <v>617</v>
      </c>
      <c r="D7" s="28" t="s">
        <v>33</v>
      </c>
      <c r="E7" s="38">
        <v>100</v>
      </c>
      <c r="F7" s="22"/>
      <c r="G7" s="34">
        <v>161</v>
      </c>
      <c r="H7" s="34">
        <v>3.5</v>
      </c>
      <c r="I7" s="34">
        <v>4</v>
      </c>
      <c r="J7" s="35">
        <v>27.8</v>
      </c>
    </row>
    <row r="8">
      <c r="A8" s="6"/>
      <c r="B8" s="7"/>
      <c r="C8" s="42"/>
      <c r="D8" s="29"/>
      <c r="E8" s="49">
        <f>SUM(E4:E7)</f>
        <v>540</v>
      </c>
      <c r="F8" s="50">
        <v>58.9</v>
      </c>
      <c r="G8" s="51">
        <f>SUM(G4:G7)</f>
        <v>624.8</v>
      </c>
      <c r="H8" s="51">
        <f>SUM(H4:H7)</f>
        <v>32.44</v>
      </c>
      <c r="I8" s="51">
        <f>SUM(I4:I7)</f>
        <v>13.600000000000001</v>
      </c>
      <c r="J8" s="52">
        <f>SUM(J4:J7)</f>
        <v>99.3</v>
      </c>
    </row>
    <row r="9">
      <c r="A9" s="3" t="s">
        <v>13</v>
      </c>
      <c r="B9" s="9" t="s">
        <v>20</v>
      </c>
      <c r="C9" s="36"/>
      <c r="D9" s="27"/>
      <c r="E9" s="45"/>
      <c r="F9" s="21"/>
      <c r="G9" s="13"/>
      <c r="H9" s="13"/>
      <c r="I9" s="13"/>
      <c r="J9" s="14"/>
    </row>
    <row r="10">
      <c r="A10" s="5"/>
      <c r="B10" s="2"/>
      <c r="C10" s="37"/>
      <c r="D10" s="28"/>
      <c r="E10" s="38"/>
      <c r="F10" s="22"/>
      <c r="G10" s="15"/>
      <c r="H10" s="15"/>
      <c r="I10" s="15"/>
      <c r="J10" s="16"/>
    </row>
    <row r="11">
      <c r="A11" s="6"/>
      <c r="B11" s="7"/>
      <c r="C11" s="42"/>
      <c r="D11" s="29"/>
      <c r="E11" s="46"/>
      <c r="F11" s="23"/>
      <c r="G11" s="17"/>
      <c r="H11" s="60"/>
      <c r="I11" s="17"/>
      <c r="J11" s="18"/>
    </row>
    <row r="12">
      <c r="A12" s="5" t="s">
        <v>14</v>
      </c>
      <c r="B12" s="8" t="s">
        <v>15</v>
      </c>
      <c r="C12" s="43" t="s">
        <v>42</v>
      </c>
      <c r="D12" s="30" t="s">
        <v>37</v>
      </c>
      <c r="E12" s="47">
        <v>100</v>
      </c>
      <c r="F12" s="24"/>
      <c r="G12" s="53">
        <v>112</v>
      </c>
      <c r="H12" s="61">
        <v>2.5</v>
      </c>
      <c r="I12" s="56">
        <v>6.5</v>
      </c>
      <c r="J12" s="39">
        <v>11.2</v>
      </c>
    </row>
    <row r="13">
      <c r="A13" s="5"/>
      <c r="B13" s="1" t="s">
        <v>16</v>
      </c>
      <c r="C13" s="37">
        <v>96</v>
      </c>
      <c r="D13" s="28" t="s">
        <v>38</v>
      </c>
      <c r="E13" s="38">
        <v>250</v>
      </c>
      <c r="F13" s="22"/>
      <c r="G13" s="54">
        <v>133</v>
      </c>
      <c r="H13" s="61">
        <v>3</v>
      </c>
      <c r="I13" s="57">
        <v>5.8</v>
      </c>
      <c r="J13" s="34">
        <v>29.7</v>
      </c>
    </row>
    <row r="14">
      <c r="A14" s="5"/>
      <c r="B14" s="1" t="s">
        <v>17</v>
      </c>
      <c r="C14" s="37">
        <v>411</v>
      </c>
      <c r="D14" s="28" t="s">
        <v>39</v>
      </c>
      <c r="E14" s="38">
        <v>100</v>
      </c>
      <c r="F14" s="22"/>
      <c r="G14" s="54">
        <v>127.2</v>
      </c>
      <c r="H14" s="61">
        <v>9.2</v>
      </c>
      <c r="I14" s="57">
        <v>3.41</v>
      </c>
      <c r="J14" s="34">
        <v>7.2</v>
      </c>
    </row>
    <row r="15">
      <c r="A15" s="5"/>
      <c r="B15" s="1" t="s">
        <v>18</v>
      </c>
      <c r="C15" s="37">
        <v>171</v>
      </c>
      <c r="D15" s="28" t="s">
        <v>40</v>
      </c>
      <c r="E15" s="38">
        <v>180</v>
      </c>
      <c r="F15" s="22"/>
      <c r="G15" s="54">
        <v>294</v>
      </c>
      <c r="H15" s="61">
        <v>9.8</v>
      </c>
      <c r="I15" s="57">
        <v>7.5600000000000005</v>
      </c>
      <c r="J15" s="34">
        <v>46.44</v>
      </c>
    </row>
    <row r="16">
      <c r="A16" s="5"/>
      <c r="B16" s="1" t="s">
        <v>19</v>
      </c>
      <c r="C16" s="37"/>
      <c r="D16" s="28" t="s">
        <v>23</v>
      </c>
      <c r="E16" s="38"/>
      <c r="F16" s="22"/>
      <c r="G16" s="54"/>
      <c r="H16" s="61"/>
      <c r="I16" s="58"/>
      <c r="J16" s="15"/>
    </row>
    <row r="17">
      <c r="A17" s="5"/>
      <c r="B17" s="1" t="s">
        <v>25</v>
      </c>
      <c r="C17" s="37" t="s">
        <v>29</v>
      </c>
      <c r="D17" s="28" t="s">
        <v>30</v>
      </c>
      <c r="E17" s="38">
        <v>40</v>
      </c>
      <c r="F17" s="22"/>
      <c r="G17" s="54">
        <v>109.6</v>
      </c>
      <c r="H17" s="61">
        <v>4.26</v>
      </c>
      <c r="I17" s="57">
        <v>1.86</v>
      </c>
      <c r="J17" s="34">
        <v>17.46</v>
      </c>
    </row>
    <row r="18">
      <c r="A18" s="5"/>
      <c r="B18" s="1" t="s">
        <v>21</v>
      </c>
      <c r="C18" s="37" t="s">
        <v>29</v>
      </c>
      <c r="D18" s="28" t="s">
        <v>31</v>
      </c>
      <c r="E18" s="38">
        <v>30</v>
      </c>
      <c r="F18" s="22"/>
      <c r="G18" s="54">
        <v>66</v>
      </c>
      <c r="H18" s="61">
        <v>2.4</v>
      </c>
      <c r="I18" s="57">
        <v>0.5</v>
      </c>
      <c r="J18" s="34">
        <v>12</v>
      </c>
    </row>
    <row r="19">
      <c r="A19" s="5"/>
      <c r="B19" s="25" t="s">
        <v>12</v>
      </c>
      <c r="C19" s="44">
        <v>551</v>
      </c>
      <c r="D19" s="31" t="s">
        <v>41</v>
      </c>
      <c r="E19" s="48">
        <v>200</v>
      </c>
      <c r="F19" s="26"/>
      <c r="G19" s="55">
        <v>112.36</v>
      </c>
      <c r="H19" s="61">
        <v>1.92</v>
      </c>
      <c r="I19" s="59">
        <v>0.12000000000000001</v>
      </c>
      <c r="J19" s="40">
        <v>25.86</v>
      </c>
    </row>
    <row r="20">
      <c r="A20" s="6"/>
      <c r="B20" s="7"/>
      <c r="C20" s="42"/>
      <c r="D20" s="29"/>
      <c r="E20" s="49">
        <f>SUM(E12:E19)</f>
        <v>900</v>
      </c>
      <c r="F20" s="51">
        <v>110</v>
      </c>
      <c r="G20" s="51">
        <f>SUM(G12:G19)</f>
        <v>954.1600000000001</v>
      </c>
      <c r="H20" s="62">
        <f>SUM(H12:H19)</f>
        <v>33.08</v>
      </c>
      <c r="I20" s="51">
        <f>SUM(I12:I19)</f>
        <v>25.750000000000004</v>
      </c>
      <c r="J20" s="52">
        <f>SUM(J12:J19)</f>
        <v>149.86</v>
      </c>
    </row>
  </sheetData>
  <mergeCells count="1">
    <mergeCell ref="B1:D1"/>
  </mergeCells>
  <pageMargins left="0.25" right="0.25" top="0.75" bottom="0.75" header="0.3" footer="0.3"/>
  <pageSetup paperSize="9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Листы</vt:lpstr>
      </vt:variant>
      <vt:variant>
        <vt:i4>1</vt:i4>
      </vt:variant>
    </vt:vector>
  </HeadingPairs>
  <TitlesOfParts>
    <vt:vector size="1" baseType="lpstr">
      <vt:lpstr>2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Nick</dc:creator>
  <cp:lastModifiedBy>Юлия Жулина</cp:lastModifiedBy>
  <cp:lastPrinted>2021-05-18T10:32:40Z</cp:lastPrinted>
  <dcterms:created xsi:type="dcterms:W3CDTF">2015-06-05T18:19:34Z</dcterms:created>
  <dcterms:modified xsi:type="dcterms:W3CDTF">2023-01-14T14:00:38Z</dcterms:modified>
</cp:coreProperties>
</file>